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977801" w:rsidRPr="00EE7D44" w:rsidRDefault="00977801" w:rsidP="00977801">
      <w:pPr>
        <w:rPr>
          <w:sz w:val="40"/>
          <w:szCs w:val="40"/>
          <w:u w:val="single"/>
        </w:rPr>
      </w:pPr>
      <w:r w:rsidRPr="00EE7D44">
        <w:rPr>
          <w:sz w:val="40"/>
          <w:szCs w:val="40"/>
          <w:u w:val="single"/>
        </w:rPr>
        <w:t>GIT Branching</w:t>
      </w:r>
    </w:p>
    <w:p w:rsidR="00977801" w:rsidRPr="002348A3" w:rsidRDefault="00977801" w:rsidP="00977801">
      <w:pPr>
        <w:rPr>
          <w:sz w:val="40"/>
          <w:szCs w:val="40"/>
        </w:rPr>
      </w:pPr>
      <w:r w:rsidRPr="00EE7D44">
        <w:rPr>
          <w:sz w:val="40"/>
          <w:szCs w:val="40"/>
          <w:highlight w:val="yellow"/>
        </w:rPr>
        <w:t>Objective: Commit HTML, CSS &amp; JavaScript assignments into GIT.</w:t>
      </w:r>
      <w:bookmarkStart w:id="0" w:name="_GoBack"/>
      <w:bookmarkEnd w:id="0"/>
    </w:p>
    <w:p w:rsidR="00977801" w:rsidRDefault="00977801" w:rsidP="00977801">
      <w:pPr>
        <w:rPr>
          <w:sz w:val="40"/>
          <w:szCs w:val="40"/>
        </w:rPr>
      </w:pPr>
      <w:r>
        <w:rPr>
          <w:sz w:val="40"/>
          <w:szCs w:val="40"/>
        </w:rPr>
        <w:t>SECTION-2 (CSS</w:t>
      </w:r>
      <w:r w:rsidRPr="002348A3">
        <w:rPr>
          <w:sz w:val="40"/>
          <w:szCs w:val="40"/>
        </w:rPr>
        <w:t xml:space="preserve"> assignments) - Steps to follow:</w:t>
      </w:r>
    </w:p>
    <w:p w:rsidR="00977801" w:rsidRDefault="00977801" w:rsidP="00977801">
      <w:r>
        <w:t>1. Create a new branch '</w:t>
      </w:r>
      <w:proofErr w:type="spellStart"/>
      <w:r>
        <w:t>css</w:t>
      </w:r>
      <w:proofErr w:type="spellEnd"/>
      <w:r>
        <w:t>-assignments.</w:t>
      </w:r>
    </w:p>
    <w:p w:rsidR="00977801" w:rsidRDefault="00977801" w:rsidP="00977801">
      <w:r w:rsidRPr="00977801">
        <w:rPr>
          <w:noProof/>
        </w:rPr>
        <w:drawing>
          <wp:inline distT="0" distB="0" distL="0" distR="0">
            <wp:extent cx="6028011" cy="595745"/>
            <wp:effectExtent l="0" t="0" r="0" b="0"/>
            <wp:docPr id="2" name="Picture 2" descr="C:\Users\lenovo\OneDrive\Desktop\assignment\GIT BRANCHING\s2\Screenshot (12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lenovo\OneDrive\Desktop\assignment\GIT BRANCHING\s2\Screenshot (121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904" r="58741" b="89847"/>
                    <a:stretch/>
                  </pic:blipFill>
                  <pic:spPr bwMode="auto">
                    <a:xfrm>
                      <a:off x="0" y="0"/>
                      <a:ext cx="6112041" cy="604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77801" w:rsidRDefault="00977801" w:rsidP="00977801">
      <w:r>
        <w:t>2. Switch to '</w:t>
      </w:r>
      <w:proofErr w:type="spellStart"/>
      <w:r>
        <w:t>css</w:t>
      </w:r>
      <w:proofErr w:type="spellEnd"/>
      <w:r>
        <w:t>-assignments' branch.</w:t>
      </w:r>
    </w:p>
    <w:p w:rsidR="00977801" w:rsidRDefault="00977801" w:rsidP="00977801">
      <w:r w:rsidRPr="00977801">
        <w:rPr>
          <w:noProof/>
        </w:rPr>
        <w:drawing>
          <wp:inline distT="0" distB="0" distL="0" distR="0" wp14:anchorId="29DEB804" wp14:editId="60463F60">
            <wp:extent cx="5937458" cy="623455"/>
            <wp:effectExtent l="0" t="0" r="0" b="5715"/>
            <wp:docPr id="3" name="Picture 3" descr="C:\Users\lenovo\OneDrive\Desktop\assignment\GIT BRANCHING\s2\Screenshot (12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lenovo\OneDrive\Desktop\assignment\GIT BRANCHING\s2\Screenshot (121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48" t="8638" r="58789" b="83659"/>
                    <a:stretch/>
                  </pic:blipFill>
                  <pic:spPr bwMode="auto">
                    <a:xfrm>
                      <a:off x="0" y="0"/>
                      <a:ext cx="5943600" cy="624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77801" w:rsidRDefault="00977801" w:rsidP="00977801">
      <w:r>
        <w:t>3. Copy all CSS assignments inside 'Assignments' folder.</w:t>
      </w:r>
    </w:p>
    <w:p w:rsidR="00977801" w:rsidRDefault="00977801" w:rsidP="00977801">
      <w:r w:rsidRPr="00977801">
        <w:rPr>
          <w:noProof/>
        </w:rPr>
        <w:drawing>
          <wp:inline distT="0" distB="0" distL="0" distR="0" wp14:anchorId="29DEB804" wp14:editId="60463F60">
            <wp:extent cx="5933718" cy="1378297"/>
            <wp:effectExtent l="0" t="0" r="0" b="0"/>
            <wp:docPr id="4" name="Picture 4" descr="C:\Users\lenovo\OneDrive\Desktop\assignment\GIT BRANCHING\s2\Screenshot (12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lenovo\OneDrive\Desktop\assignment\GIT BRANCHING\s2\Screenshot (121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6176" r="58741" b="66786"/>
                    <a:stretch/>
                  </pic:blipFill>
                  <pic:spPr bwMode="auto">
                    <a:xfrm>
                      <a:off x="0" y="0"/>
                      <a:ext cx="5943600" cy="13805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77801" w:rsidRDefault="00977801" w:rsidP="00977801">
      <w:r>
        <w:t>4. Commit CSS assignments into '</w:t>
      </w:r>
      <w:proofErr w:type="spellStart"/>
      <w:r>
        <w:t>css</w:t>
      </w:r>
      <w:proofErr w:type="spellEnd"/>
      <w:r>
        <w:t>-assignments' branch.</w:t>
      </w:r>
    </w:p>
    <w:p w:rsidR="00977801" w:rsidRDefault="00977801" w:rsidP="00977801">
      <w:r w:rsidRPr="00977801">
        <w:rPr>
          <w:noProof/>
        </w:rPr>
        <w:drawing>
          <wp:inline distT="0" distB="0" distL="0" distR="0" wp14:anchorId="29DEB804" wp14:editId="60463F60">
            <wp:extent cx="5936965" cy="997239"/>
            <wp:effectExtent l="0" t="0" r="6985" b="0"/>
            <wp:docPr id="5" name="Picture 5" descr="C:\Users\lenovo\OneDrive\Desktop\assignment\GIT BRANCHING\s2\Screenshot (12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lenovo\OneDrive\Desktop\assignment\GIT BRANCHING\s2\Screenshot (121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33461" r="58741" b="54217"/>
                    <a:stretch/>
                  </pic:blipFill>
                  <pic:spPr bwMode="auto">
                    <a:xfrm>
                      <a:off x="0" y="0"/>
                      <a:ext cx="5943600" cy="9983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77801" w:rsidRDefault="00977801" w:rsidP="00977801">
      <w:r>
        <w:t>5. Make minor changes into README.txt file on line 1</w:t>
      </w:r>
      <w:r>
        <w:t xml:space="preserve"> belonging to '</w:t>
      </w:r>
      <w:proofErr w:type="spellStart"/>
      <w:r>
        <w:t>css</w:t>
      </w:r>
      <w:proofErr w:type="spellEnd"/>
      <w:r>
        <w:t xml:space="preserve">-assignments' </w:t>
      </w:r>
      <w:r>
        <w:t>branch.</w:t>
      </w:r>
    </w:p>
    <w:p w:rsidR="00977801" w:rsidRDefault="00977801" w:rsidP="00977801">
      <w:r w:rsidRPr="00977801">
        <w:rPr>
          <w:noProof/>
        </w:rPr>
        <w:drawing>
          <wp:inline distT="0" distB="0" distL="0" distR="0" wp14:anchorId="29DEB804" wp14:editId="60463F60">
            <wp:extent cx="6218569" cy="637309"/>
            <wp:effectExtent l="0" t="0" r="0" b="0"/>
            <wp:docPr id="6" name="Picture 6" descr="C:\Users\lenovo\OneDrive\Desktop\assignment\GIT BRANCHING\s2\Screenshot (12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lenovo\OneDrive\Desktop\assignment\GIT BRANCHING\s2\Screenshot (121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1" t="45533" r="56758" b="46588"/>
                    <a:stretch/>
                  </pic:blipFill>
                  <pic:spPr bwMode="auto">
                    <a:xfrm>
                      <a:off x="0" y="0"/>
                      <a:ext cx="6229343" cy="63841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77801" w:rsidRDefault="00977801" w:rsidP="00977801"/>
    <w:p w:rsidR="00977801" w:rsidRDefault="00977801" w:rsidP="00977801">
      <w:r>
        <w:lastRenderedPageBreak/>
        <w:t>7. Switch to master branch.</w:t>
      </w:r>
    </w:p>
    <w:p w:rsidR="00977801" w:rsidRDefault="00977801" w:rsidP="00977801">
      <w:r w:rsidRPr="00977801">
        <w:rPr>
          <w:noProof/>
        </w:rPr>
        <w:drawing>
          <wp:inline distT="0" distB="0" distL="0" distR="0" wp14:anchorId="28CA7BD4" wp14:editId="7AFD4742">
            <wp:extent cx="5943600" cy="816041"/>
            <wp:effectExtent l="0" t="0" r="0" b="3175"/>
            <wp:docPr id="8" name="Picture 8" descr="C:\Users\lenovo\OneDrive\Desktop\assignment\GIT BRANCHING\s2\Screenshot (12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lenovo\OneDrive\Desktop\assignment\GIT BRANCHING\s2\Screenshot (121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1" t="52301" r="57211" b="37254"/>
                    <a:stretch/>
                  </pic:blipFill>
                  <pic:spPr bwMode="auto">
                    <a:xfrm>
                      <a:off x="0" y="0"/>
                      <a:ext cx="5943600" cy="8160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77801" w:rsidRDefault="00977801" w:rsidP="00977801">
      <w:r>
        <w:t>8. Make minor changes into README.txt file on line 3 &amp; commit those changes into master.</w:t>
      </w:r>
    </w:p>
    <w:p w:rsidR="00977801" w:rsidRDefault="00977801" w:rsidP="00977801">
      <w:r w:rsidRPr="00977801">
        <w:rPr>
          <w:noProof/>
        </w:rPr>
        <w:drawing>
          <wp:inline distT="0" distB="0" distL="0" distR="0" wp14:anchorId="28CA7BD4" wp14:editId="7AFD4742">
            <wp:extent cx="5942693" cy="1163608"/>
            <wp:effectExtent l="0" t="0" r="1270" b="0"/>
            <wp:docPr id="7" name="Picture 7" descr="C:\Users\lenovo\OneDrive\Desktop\assignment\GIT BRANCHING\s2\Screenshot (12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lenovo\OneDrive\Desktop\assignment\GIT BRANCHING\s2\Screenshot (121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67998" r="57210" b="17106"/>
                    <a:stretch/>
                  </pic:blipFill>
                  <pic:spPr bwMode="auto">
                    <a:xfrm>
                      <a:off x="0" y="0"/>
                      <a:ext cx="5943600" cy="11637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77801" w:rsidRDefault="00977801" w:rsidP="00977801">
      <w:r>
        <w:t>9. Again switch to '</w:t>
      </w:r>
      <w:proofErr w:type="spellStart"/>
      <w:r>
        <w:t>css</w:t>
      </w:r>
      <w:proofErr w:type="spellEnd"/>
      <w:r>
        <w:t>-assignments' branch.</w:t>
      </w:r>
    </w:p>
    <w:p w:rsidR="00966854" w:rsidRDefault="00966854" w:rsidP="00977801">
      <w:r w:rsidRPr="00977801">
        <w:rPr>
          <w:noProof/>
        </w:rPr>
        <w:drawing>
          <wp:inline distT="0" distB="0" distL="0" distR="0" wp14:anchorId="30B35575" wp14:editId="6AE247FC">
            <wp:extent cx="6227618" cy="906780"/>
            <wp:effectExtent l="0" t="0" r="1905" b="7620"/>
            <wp:docPr id="10" name="Picture 10" descr="C:\Users\lenovo\OneDrive\Desktop\assignment\GIT BRANCHING\s2\Screenshot (12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lenovo\OneDrive\Desktop\assignment\GIT BRANCHING\s2\Screenshot (121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83168" r="55122" b="5214"/>
                    <a:stretch/>
                  </pic:blipFill>
                  <pic:spPr bwMode="auto">
                    <a:xfrm>
                      <a:off x="0" y="0"/>
                      <a:ext cx="6233524" cy="9076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77801" w:rsidRDefault="00977801" w:rsidP="00977801"/>
    <w:p w:rsidR="00966854" w:rsidRDefault="00977801" w:rsidP="00977801">
      <w:r>
        <w:t>10. Make minor changes into few files belonging to '</w:t>
      </w:r>
      <w:proofErr w:type="spellStart"/>
      <w:r>
        <w:t>css</w:t>
      </w:r>
      <w:proofErr w:type="spellEnd"/>
      <w:r>
        <w:t>-assignments branch.</w:t>
      </w:r>
    </w:p>
    <w:p w:rsidR="00977801" w:rsidRDefault="00977801" w:rsidP="00977801">
      <w:r>
        <w:t xml:space="preserve"> 11. Commit those changes.</w:t>
      </w:r>
    </w:p>
    <w:p w:rsidR="00977801" w:rsidRDefault="00966854" w:rsidP="00977801">
      <w:r w:rsidRPr="00977801">
        <w:rPr>
          <w:noProof/>
        </w:rPr>
        <w:drawing>
          <wp:inline distT="0" distB="0" distL="0" distR="0" wp14:anchorId="1F38B8E5" wp14:editId="5E19DA91">
            <wp:extent cx="5657033" cy="1184564"/>
            <wp:effectExtent l="0" t="0" r="1270" b="0"/>
            <wp:docPr id="9" name="Picture 9" descr="C:\Users\lenovo\OneDrive\Desktop\assignment\GIT BRANCHING\s2\Screenshot (122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lenovo\OneDrive\Desktop\assignment\GIT BRANCHING\s2\Screenshot (122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486" r="53241" b="80108"/>
                    <a:stretch/>
                  </pic:blipFill>
                  <pic:spPr bwMode="auto">
                    <a:xfrm>
                      <a:off x="0" y="0"/>
                      <a:ext cx="5733514" cy="12005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66854" w:rsidRDefault="00977801" w:rsidP="00977801">
      <w:r>
        <w:t xml:space="preserve">12. Switch to master. </w:t>
      </w:r>
    </w:p>
    <w:p w:rsidR="00966854" w:rsidRDefault="00966854" w:rsidP="00977801">
      <w:r w:rsidRPr="00977801">
        <w:rPr>
          <w:noProof/>
        </w:rPr>
        <w:drawing>
          <wp:inline distT="0" distB="0" distL="0" distR="0" wp14:anchorId="0B7A1C50" wp14:editId="669CE59A">
            <wp:extent cx="5654127" cy="1017732"/>
            <wp:effectExtent l="0" t="0" r="3810" b="0"/>
            <wp:docPr id="11" name="Picture 11" descr="C:\Users\lenovo\OneDrive\Desktop\assignment\GIT BRANCHING\s2\Screenshot (122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lenovo\OneDrive\Desktop\assignment\GIT BRANCHING\s2\Screenshot (122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8984" r="53241" b="66054"/>
                    <a:stretch/>
                  </pic:blipFill>
                  <pic:spPr bwMode="auto">
                    <a:xfrm>
                      <a:off x="0" y="0"/>
                      <a:ext cx="5733514" cy="103202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66854" w:rsidRDefault="00966854" w:rsidP="00966854"/>
    <w:p w:rsidR="00966854" w:rsidRDefault="00966854" w:rsidP="00966854"/>
    <w:p w:rsidR="00977801" w:rsidRDefault="00977801" w:rsidP="00966854">
      <w:r>
        <w:lastRenderedPageBreak/>
        <w:t>13. Merge '</w:t>
      </w:r>
      <w:proofErr w:type="spellStart"/>
      <w:r>
        <w:t>css</w:t>
      </w:r>
      <w:proofErr w:type="spellEnd"/>
      <w:r>
        <w:t xml:space="preserve">-assignments' branch into master. Confirm all </w:t>
      </w:r>
      <w:proofErr w:type="spellStart"/>
      <w:r>
        <w:t>css</w:t>
      </w:r>
      <w:proofErr w:type="spellEnd"/>
      <w:r>
        <w:t xml:space="preserve"> assignments are shown</w:t>
      </w:r>
      <w:r w:rsidR="00966854">
        <w:t xml:space="preserve"> </w:t>
      </w:r>
      <w:r w:rsidR="00966854">
        <w:t>in master.</w:t>
      </w:r>
    </w:p>
    <w:p w:rsidR="00977801" w:rsidRDefault="00977801" w:rsidP="00977801"/>
    <w:p w:rsidR="00966854" w:rsidRDefault="00966854" w:rsidP="00977801">
      <w:r w:rsidRPr="00966854">
        <w:rPr>
          <w:noProof/>
        </w:rPr>
        <w:drawing>
          <wp:inline distT="0" distB="0" distL="0" distR="0">
            <wp:extent cx="3539490" cy="3927764"/>
            <wp:effectExtent l="0" t="0" r="3810" b="0"/>
            <wp:docPr id="12" name="Picture 12" descr="C:\Users\lenovo\OneDrive\Desktop\assignment\GIT BRANCHING\s2\Screenshot (123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lenovo\OneDrive\Desktop\assignment\GIT BRANCHING\s2\Screenshot (123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58040" b="17220"/>
                    <a:stretch/>
                  </pic:blipFill>
                  <pic:spPr bwMode="auto">
                    <a:xfrm>
                      <a:off x="0" y="0"/>
                      <a:ext cx="3545813" cy="393478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91597" w:rsidRDefault="00977801" w:rsidP="00977801">
      <w:r>
        <w:t>14. Finally delete the '</w:t>
      </w:r>
      <w:proofErr w:type="spellStart"/>
      <w:r>
        <w:t>css</w:t>
      </w:r>
      <w:proofErr w:type="spellEnd"/>
      <w:r>
        <w:t>-assignments' branch.</w:t>
      </w:r>
    </w:p>
    <w:p w:rsidR="00966854" w:rsidRDefault="00966854" w:rsidP="00977801">
      <w:r w:rsidRPr="00966854">
        <w:rPr>
          <w:noProof/>
        </w:rPr>
        <w:drawing>
          <wp:inline distT="0" distB="0" distL="0" distR="0" wp14:anchorId="305942D5" wp14:editId="6B65AD02">
            <wp:extent cx="6600635" cy="671945"/>
            <wp:effectExtent l="0" t="0" r="0" b="0"/>
            <wp:docPr id="13" name="Picture 13" descr="C:\Users\lenovo\OneDrive\Desktop\assignment\GIT BRANCHING\s2\Screenshot (123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lenovo\OneDrive\Desktop\assignment\GIT BRANCHING\s2\Screenshot (123)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82349" r="58040" b="10057"/>
                    <a:stretch/>
                  </pic:blipFill>
                  <pic:spPr bwMode="auto">
                    <a:xfrm>
                      <a:off x="0" y="0"/>
                      <a:ext cx="6667709" cy="67877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sectPr w:rsidR="00966854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77801"/>
    <w:rsid w:val="00791597"/>
    <w:rsid w:val="00966854"/>
    <w:rsid w:val="00977801"/>
    <w:rsid w:val="00EE7D4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2F3D377A"/>
  <w15:chartTrackingRefBased/>
  <w15:docId w15:val="{6CCBE2BD-BC60-4A07-8B0F-DAF2D0B9F0F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5" Type="http://schemas.openxmlformats.org/officeDocument/2006/relationships/image" Target="media/image2.png"/><Relationship Id="rId4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7</TotalTime>
  <Pages>3</Pages>
  <Words>130</Words>
  <Characters>743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7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enovo</dc:creator>
  <cp:keywords/>
  <dc:description/>
  <cp:lastModifiedBy>lenovo</cp:lastModifiedBy>
  <cp:revision>2</cp:revision>
  <dcterms:created xsi:type="dcterms:W3CDTF">2022-01-14T16:07:00Z</dcterms:created>
  <dcterms:modified xsi:type="dcterms:W3CDTF">2022-01-14T16:54:00Z</dcterms:modified>
</cp:coreProperties>
</file>